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11055"/>
  </bookViews>
  <sheets>
    <sheet name="出荷額・従業者数・事業者数" sheetId="1" r:id="rId1"/>
  </sheets>
  <definedNames>
    <definedName name="_xlnm.Print_Titles" localSheetId="0">出荷額・従業者数・事業者数!$4:$6</definedName>
  </definedNames>
  <calcPr calcId="152511"/>
</workbook>
</file>

<file path=xl/sharedStrings.xml><?xml version="1.0" encoding="utf-8"?>
<sst xmlns="http://schemas.openxmlformats.org/spreadsheetml/2006/main" count="124" uniqueCount="41">
  <si>
    <t>10-6　1表　製造品出荷額等</t>
  </si>
  <si>
    <t>製造品出荷額等（従業者４人以上の事業所）</t>
  </si>
  <si>
    <t>平成8年</t>
  </si>
  <si>
    <t>平成9年</t>
  </si>
  <si>
    <t>平成10年</t>
  </si>
  <si>
    <t>平成11年</t>
  </si>
  <si>
    <t>平成12年</t>
  </si>
  <si>
    <t>平成13年</t>
  </si>
  <si>
    <t>平成14年</t>
  </si>
  <si>
    <t>平成15年</t>
  </si>
  <si>
    <t>平成16年</t>
  </si>
  <si>
    <t>平成17年</t>
  </si>
  <si>
    <t>平成18年</t>
  </si>
  <si>
    <t>平成19年</t>
  </si>
  <si>
    <t>平成20年</t>
  </si>
  <si>
    <t>平成21年</t>
  </si>
  <si>
    <t>平成22年</t>
  </si>
  <si>
    <t>平成23年</t>
  </si>
  <si>
    <t>平成24年</t>
  </si>
  <si>
    <t>平成25年</t>
  </si>
  <si>
    <t>平成26年</t>
  </si>
  <si>
    <t>平成28年</t>
  </si>
  <si>
    <t>平成29年</t>
  </si>
  <si>
    <t>平成30年</t>
  </si>
  <si>
    <t>万円</t>
  </si>
  <si>
    <t>％</t>
  </si>
  <si>
    <t>県  　計</t>
  </si>
  <si>
    <t>佐久市</t>
  </si>
  <si>
    <t>10-6　2表　従業者数</t>
  </si>
  <si>
    <t>従業者数（従業者４人以上の事業所）</t>
  </si>
  <si>
    <t>人</t>
  </si>
  <si>
    <t>10-6　3表　事業所数</t>
  </si>
  <si>
    <t>事業所数（従業者４人以上の事業所）</t>
  </si>
  <si>
    <t>１　出典は工業統計表｢市区町村編｣（経済産業省経済産業政策局調査統計部)による。</t>
  </si>
  <si>
    <t>２　平成16年以前は「佐久市」「臼田町」「浅科村」「望月町」の合計数値である。</t>
  </si>
  <si>
    <t>令和元年</t>
    <rPh sb="1" eb="2">
      <t>ワ</t>
    </rPh>
    <rPh sb="2" eb="4">
      <t>ガンネン</t>
    </rPh>
    <phoneticPr fontId="15"/>
  </si>
  <si>
    <t>令和元年</t>
    <rPh sb="0" eb="1">
      <t>レイ</t>
    </rPh>
    <rPh sb="1" eb="2">
      <t>カズ</t>
    </rPh>
    <rPh sb="2" eb="4">
      <t>ガンネン</t>
    </rPh>
    <phoneticPr fontId="15"/>
  </si>
  <si>
    <t>令和元年</t>
    <rPh sb="0" eb="4">
      <t>レイワガンネン</t>
    </rPh>
    <phoneticPr fontId="15"/>
  </si>
  <si>
    <t>前年比
元／30</t>
    <rPh sb="4" eb="5">
      <t>ガン</t>
    </rPh>
    <phoneticPr fontId="15"/>
  </si>
  <si>
    <t>前年比
元／30</t>
    <phoneticPr fontId="15"/>
  </si>
  <si>
    <t>前年比
元／30</t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_);[Red]\(0.0\)"/>
    <numFmt numFmtId="177" formatCode="###\ ###\ ###\ ###\ ###"/>
  </numFmts>
  <fonts count="16">
    <font>
      <sz val="11"/>
      <color theme="1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11"/>
      <name val="ＭＳ 明朝"/>
      <family val="1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11"/>
      <color indexed="8"/>
      <name val="ＭＳ ゴシック"/>
      <family val="3"/>
      <charset val="128"/>
    </font>
    <font>
      <sz val="14"/>
      <name val="Terminal"/>
      <family val="3"/>
      <charset val="255"/>
    </font>
    <font>
      <sz val="10"/>
      <name val="ＭＳ 明朝"/>
      <family val="1"/>
      <charset val="128"/>
    </font>
    <font>
      <b/>
      <sz val="16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rgb="FFC0C0C0"/>
        <bgColor indexed="64"/>
      </patternFill>
    </fill>
  </fills>
  <borders count="1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7">
    <xf numFmtId="0" fontId="0" fillId="0" borderId="0">
      <alignment vertical="center"/>
    </xf>
    <xf numFmtId="9" fontId="1" fillId="0" borderId="0" applyFont="0" applyFill="0" applyBorder="0" applyAlignment="0" applyProtection="0">
      <alignment vertical="center"/>
    </xf>
    <xf numFmtId="0" fontId="2" fillId="0" borderId="0"/>
    <xf numFmtId="0" fontId="2" fillId="0" borderId="0"/>
    <xf numFmtId="0" fontId="2" fillId="0" borderId="0"/>
    <xf numFmtId="0" fontId="11" fillId="0" borderId="0"/>
    <xf numFmtId="0" fontId="11" fillId="0" borderId="0"/>
  </cellStyleXfs>
  <cellXfs count="78">
    <xf numFmtId="0" fontId="0" fillId="0" borderId="0" xfId="0">
      <alignment vertical="center"/>
    </xf>
    <xf numFmtId="176" fontId="3" fillId="0" borderId="0" xfId="4" applyNumberFormat="1" applyFont="1" applyFill="1" applyAlignment="1">
      <alignment vertical="center"/>
    </xf>
    <xf numFmtId="176" fontId="4" fillId="0" borderId="0" xfId="4" applyNumberFormat="1" applyFont="1" applyFill="1" applyAlignment="1">
      <alignment vertical="center"/>
    </xf>
    <xf numFmtId="0" fontId="2" fillId="0" borderId="0" xfId="4" applyFont="1" applyFill="1" applyAlignment="1">
      <alignment vertical="center"/>
    </xf>
    <xf numFmtId="0" fontId="5" fillId="0" borderId="0" xfId="4" applyFont="1" applyFill="1" applyAlignment="1">
      <alignment vertical="center"/>
    </xf>
    <xf numFmtId="0" fontId="0" fillId="0" borderId="0" xfId="0" applyFill="1" applyAlignment="1">
      <alignment vertical="center"/>
    </xf>
    <xf numFmtId="0" fontId="2" fillId="0" borderId="1" xfId="4" applyFont="1" applyFill="1" applyBorder="1" applyAlignment="1">
      <alignment vertical="center"/>
    </xf>
    <xf numFmtId="0" fontId="2" fillId="0" borderId="0" xfId="4" applyFont="1" applyFill="1" applyBorder="1" applyAlignment="1">
      <alignment vertical="center"/>
    </xf>
    <xf numFmtId="176" fontId="2" fillId="0" borderId="0" xfId="4" applyNumberFormat="1" applyFont="1" applyFill="1" applyBorder="1" applyAlignment="1">
      <alignment vertical="center"/>
    </xf>
    <xf numFmtId="0" fontId="2" fillId="0" borderId="2" xfId="4" applyFont="1" applyFill="1" applyBorder="1" applyAlignment="1">
      <alignment vertical="center"/>
    </xf>
    <xf numFmtId="0" fontId="2" fillId="0" borderId="3" xfId="4" applyFont="1" applyFill="1" applyBorder="1" applyAlignment="1">
      <alignment horizontal="center" vertical="center"/>
    </xf>
    <xf numFmtId="0" fontId="2" fillId="0" borderId="4" xfId="2" applyFill="1" applyBorder="1" applyAlignment="1">
      <alignment horizontal="centerContinuous" vertical="center"/>
    </xf>
    <xf numFmtId="0" fontId="2" fillId="0" borderId="5" xfId="2" applyFill="1" applyBorder="1" applyAlignment="1">
      <alignment horizontal="centerContinuous" vertical="center"/>
    </xf>
    <xf numFmtId="0" fontId="2" fillId="0" borderId="6" xfId="4" applyFont="1" applyFill="1" applyBorder="1" applyAlignment="1">
      <alignment vertical="center"/>
    </xf>
    <xf numFmtId="0" fontId="2" fillId="0" borderId="7" xfId="4" applyFont="1" applyFill="1" applyBorder="1" applyAlignment="1">
      <alignment horizontal="center" vertical="center"/>
    </xf>
    <xf numFmtId="0" fontId="2" fillId="0" borderId="8" xfId="4" applyFont="1" applyFill="1" applyBorder="1" applyAlignment="1">
      <alignment horizontal="center" vertical="center"/>
    </xf>
    <xf numFmtId="0" fontId="2" fillId="0" borderId="9" xfId="4" applyFont="1" applyFill="1" applyBorder="1" applyAlignment="1">
      <alignment horizontal="center" vertical="center"/>
    </xf>
    <xf numFmtId="0" fontId="2" fillId="0" borderId="10" xfId="4" applyFont="1" applyFill="1" applyBorder="1" applyAlignment="1">
      <alignment horizontal="center" vertical="center"/>
    </xf>
    <xf numFmtId="0" fontId="2" fillId="0" borderId="10" xfId="2" applyFont="1" applyFill="1" applyBorder="1" applyAlignment="1">
      <alignment horizontal="center" vertical="center"/>
    </xf>
    <xf numFmtId="0" fontId="2" fillId="0" borderId="2" xfId="4" applyFont="1" applyFill="1" applyBorder="1" applyAlignment="1">
      <alignment horizontal="right" vertical="center"/>
    </xf>
    <xf numFmtId="0" fontId="6" fillId="0" borderId="11" xfId="4" applyFont="1" applyFill="1" applyBorder="1" applyAlignment="1">
      <alignment horizontal="right" vertical="center"/>
    </xf>
    <xf numFmtId="0" fontId="6" fillId="0" borderId="3" xfId="4" applyFont="1" applyFill="1" applyBorder="1" applyAlignment="1">
      <alignment horizontal="right" vertical="center"/>
    </xf>
    <xf numFmtId="0" fontId="6" fillId="0" borderId="0" xfId="4" applyFont="1" applyFill="1" applyBorder="1" applyAlignment="1">
      <alignment horizontal="right" vertical="center"/>
    </xf>
    <xf numFmtId="177" fontId="6" fillId="0" borderId="0" xfId="4" applyNumberFormat="1" applyFont="1" applyFill="1" applyBorder="1" applyAlignment="1">
      <alignment horizontal="right" vertical="center"/>
    </xf>
    <xf numFmtId="0" fontId="7" fillId="0" borderId="12" xfId="4" applyFont="1" applyFill="1" applyBorder="1" applyAlignment="1">
      <alignment vertical="center"/>
    </xf>
    <xf numFmtId="0" fontId="8" fillId="0" borderId="0" xfId="4" applyFont="1" applyFill="1" applyBorder="1" applyAlignment="1">
      <alignment horizontal="distributed" vertical="center"/>
    </xf>
    <xf numFmtId="0" fontId="8" fillId="0" borderId="13" xfId="4" applyFont="1" applyFill="1" applyBorder="1" applyAlignment="1">
      <alignment horizontal="distributed" vertical="center"/>
    </xf>
    <xf numFmtId="177" fontId="9" fillId="0" borderId="0" xfId="2" applyNumberFormat="1" applyFont="1" applyFill="1" applyBorder="1" applyAlignment="1">
      <alignment horizontal="right" vertical="center"/>
    </xf>
    <xf numFmtId="0" fontId="10" fillId="0" borderId="0" xfId="0" applyFont="1" applyFill="1" applyAlignment="1">
      <alignment vertical="center"/>
    </xf>
    <xf numFmtId="0" fontId="2" fillId="0" borderId="12" xfId="4" applyFont="1" applyFill="1" applyBorder="1" applyAlignment="1">
      <alignment vertical="center"/>
    </xf>
    <xf numFmtId="0" fontId="2" fillId="2" borderId="0" xfId="5" applyFont="1" applyFill="1" applyBorder="1" applyAlignment="1" applyProtection="1">
      <alignment horizontal="distributed" vertical="center"/>
    </xf>
    <xf numFmtId="0" fontId="2" fillId="2" borderId="13" xfId="5" applyFont="1" applyFill="1" applyBorder="1" applyAlignment="1" applyProtection="1">
      <alignment horizontal="distributed" vertical="center"/>
    </xf>
    <xf numFmtId="177" fontId="6" fillId="2" borderId="0" xfId="2" applyNumberFormat="1" applyFont="1" applyFill="1" applyBorder="1" applyAlignment="1">
      <alignment horizontal="right" vertical="center"/>
    </xf>
    <xf numFmtId="0" fontId="2" fillId="0" borderId="1" xfId="6" applyFont="1" applyFill="1" applyBorder="1" applyAlignment="1" applyProtection="1">
      <alignment horizontal="distributed" vertical="center"/>
    </xf>
    <xf numFmtId="0" fontId="2" fillId="0" borderId="7" xfId="6" applyFont="1" applyFill="1" applyBorder="1" applyAlignment="1" applyProtection="1">
      <alignment horizontal="distributed" vertical="center"/>
    </xf>
    <xf numFmtId="177" fontId="12" fillId="0" borderId="1" xfId="4" applyNumberFormat="1" applyFont="1" applyFill="1" applyBorder="1" applyAlignment="1">
      <alignment horizontal="right" vertical="center"/>
    </xf>
    <xf numFmtId="177" fontId="12" fillId="0" borderId="7" xfId="4" applyNumberFormat="1" applyFont="1" applyFill="1" applyBorder="1" applyAlignment="1">
      <alignment horizontal="right" vertical="center"/>
    </xf>
    <xf numFmtId="176" fontId="4" fillId="0" borderId="0" xfId="3" applyNumberFormat="1" applyFont="1" applyFill="1" applyAlignment="1">
      <alignment vertical="center"/>
    </xf>
    <xf numFmtId="0" fontId="2" fillId="0" borderId="0" xfId="3" applyFont="1" applyFill="1" applyAlignment="1">
      <alignment vertical="center"/>
    </xf>
    <xf numFmtId="0" fontId="5" fillId="0" borderId="0" xfId="3" applyFont="1" applyFill="1" applyAlignment="1">
      <alignment vertical="center"/>
    </xf>
    <xf numFmtId="0" fontId="13" fillId="0" borderId="0" xfId="2" applyFont="1" applyFill="1" applyAlignment="1">
      <alignment vertical="center"/>
    </xf>
    <xf numFmtId="0" fontId="2" fillId="0" borderId="0" xfId="3" applyFont="1" applyFill="1" applyBorder="1" applyAlignment="1">
      <alignment vertical="center"/>
    </xf>
    <xf numFmtId="176" fontId="2" fillId="0" borderId="0" xfId="3" applyNumberFormat="1" applyFont="1" applyFill="1" applyBorder="1" applyAlignment="1">
      <alignment vertical="center"/>
    </xf>
    <xf numFmtId="176" fontId="2" fillId="0" borderId="0" xfId="2" applyNumberFormat="1" applyFont="1" applyFill="1" applyBorder="1" applyAlignment="1">
      <alignment vertical="center"/>
    </xf>
    <xf numFmtId="177" fontId="2" fillId="0" borderId="0" xfId="2" applyNumberFormat="1" applyFont="1" applyFill="1" applyBorder="1" applyAlignment="1">
      <alignment vertical="center"/>
    </xf>
    <xf numFmtId="0" fontId="0" fillId="0" borderId="2" xfId="0" applyFill="1" applyBorder="1" applyAlignment="1">
      <alignment vertical="center"/>
    </xf>
    <xf numFmtId="0" fontId="2" fillId="0" borderId="3" xfId="3" applyFont="1" applyFill="1" applyBorder="1" applyAlignment="1">
      <alignment horizontal="center" vertical="center"/>
    </xf>
    <xf numFmtId="0" fontId="0" fillId="0" borderId="12" xfId="0" applyFill="1" applyBorder="1" applyAlignment="1">
      <alignment vertical="center"/>
    </xf>
    <xf numFmtId="0" fontId="2" fillId="0" borderId="7" xfId="3" applyFont="1" applyFill="1" applyBorder="1" applyAlignment="1">
      <alignment horizontal="center" vertical="center"/>
    </xf>
    <xf numFmtId="0" fontId="2" fillId="0" borderId="10" xfId="3" applyFont="1" applyFill="1" applyBorder="1" applyAlignment="1">
      <alignment horizontal="center" vertical="center"/>
    </xf>
    <xf numFmtId="0" fontId="6" fillId="0" borderId="11" xfId="3" applyFont="1" applyFill="1" applyBorder="1" applyAlignment="1">
      <alignment horizontal="right" vertical="center"/>
    </xf>
    <xf numFmtId="0" fontId="6" fillId="0" borderId="3" xfId="3" applyFont="1" applyFill="1" applyBorder="1" applyAlignment="1">
      <alignment horizontal="right" vertical="center"/>
    </xf>
    <xf numFmtId="0" fontId="6" fillId="0" borderId="0" xfId="3" applyFont="1" applyFill="1" applyBorder="1" applyAlignment="1">
      <alignment horizontal="right" vertical="center"/>
    </xf>
    <xf numFmtId="177" fontId="6" fillId="0" borderId="0" xfId="3" applyNumberFormat="1" applyFont="1" applyFill="1" applyBorder="1" applyAlignment="1">
      <alignment horizontal="right" vertical="center"/>
    </xf>
    <xf numFmtId="177" fontId="6" fillId="0" borderId="0" xfId="2" applyNumberFormat="1" applyFont="1" applyFill="1" applyBorder="1" applyAlignment="1">
      <alignment horizontal="right" vertical="center"/>
    </xf>
    <xf numFmtId="176" fontId="4" fillId="0" borderId="0" xfId="2" applyNumberFormat="1" applyFont="1" applyFill="1" applyAlignment="1">
      <alignment vertical="center"/>
    </xf>
    <xf numFmtId="0" fontId="2" fillId="0" borderId="0" xfId="2" applyFont="1" applyFill="1" applyAlignment="1">
      <alignment vertical="center"/>
    </xf>
    <xf numFmtId="0" fontId="2" fillId="0" borderId="0" xfId="2" applyFont="1" applyFill="1" applyBorder="1" applyAlignment="1">
      <alignment vertical="center"/>
    </xf>
    <xf numFmtId="0" fontId="2" fillId="0" borderId="3" xfId="2" applyFont="1" applyFill="1" applyBorder="1" applyAlignment="1">
      <alignment horizontal="center" vertical="center"/>
    </xf>
    <xf numFmtId="0" fontId="2" fillId="0" borderId="7" xfId="2" applyFont="1" applyFill="1" applyBorder="1" applyAlignment="1">
      <alignment horizontal="center" vertical="center"/>
    </xf>
    <xf numFmtId="0" fontId="6" fillId="0" borderId="11" xfId="2" applyFont="1" applyFill="1" applyBorder="1" applyAlignment="1">
      <alignment horizontal="right" vertical="center"/>
    </xf>
    <xf numFmtId="0" fontId="6" fillId="0" borderId="3" xfId="2" applyFont="1" applyFill="1" applyBorder="1" applyAlignment="1">
      <alignment horizontal="right" vertical="center"/>
    </xf>
    <xf numFmtId="0" fontId="6" fillId="0" borderId="0" xfId="2" applyFont="1" applyFill="1" applyBorder="1" applyAlignment="1">
      <alignment horizontal="right" vertical="center"/>
    </xf>
    <xf numFmtId="0" fontId="2" fillId="0" borderId="5" xfId="2" applyFont="1" applyFill="1" applyBorder="1" applyAlignment="1">
      <alignment horizontal="centerContinuous" vertical="center"/>
    </xf>
    <xf numFmtId="0" fontId="2" fillId="0" borderId="9" xfId="2" applyFont="1" applyFill="1" applyBorder="1" applyAlignment="1">
      <alignment horizontal="centerContinuous" vertical="center"/>
    </xf>
    <xf numFmtId="0" fontId="14" fillId="0" borderId="0" xfId="0" applyFont="1" applyFill="1" applyAlignment="1">
      <alignment vertical="center"/>
    </xf>
    <xf numFmtId="0" fontId="2" fillId="0" borderId="11" xfId="2" applyFont="1" applyFill="1" applyBorder="1" applyAlignment="1">
      <alignment vertical="center"/>
    </xf>
    <xf numFmtId="0" fontId="2" fillId="0" borderId="1" xfId="2" applyFont="1" applyFill="1" applyBorder="1" applyAlignment="1">
      <alignment vertical="center"/>
    </xf>
    <xf numFmtId="0" fontId="2" fillId="0" borderId="11" xfId="3" applyFont="1" applyFill="1" applyBorder="1" applyAlignment="1">
      <alignment vertical="center"/>
    </xf>
    <xf numFmtId="0" fontId="2" fillId="0" borderId="1" xfId="3" applyFont="1" applyFill="1" applyBorder="1" applyAlignment="1">
      <alignment vertical="center"/>
    </xf>
    <xf numFmtId="0" fontId="2" fillId="0" borderId="11" xfId="4" applyFont="1" applyFill="1" applyBorder="1" applyAlignment="1">
      <alignment vertical="center"/>
    </xf>
    <xf numFmtId="0" fontId="6" fillId="0" borderId="10" xfId="2" applyFont="1" applyFill="1" applyBorder="1" applyAlignment="1">
      <alignment horizontal="center" vertical="center" wrapText="1"/>
    </xf>
    <xf numFmtId="177" fontId="6" fillId="0" borderId="13" xfId="4" applyNumberFormat="1" applyFont="1" applyFill="1" applyBorder="1" applyAlignment="1">
      <alignment horizontal="right" vertical="center"/>
    </xf>
    <xf numFmtId="177" fontId="9" fillId="0" borderId="13" xfId="2" applyNumberFormat="1" applyFont="1" applyFill="1" applyBorder="1" applyAlignment="1">
      <alignment horizontal="right" vertical="center"/>
    </xf>
    <xf numFmtId="177" fontId="6" fillId="2" borderId="13" xfId="2" applyNumberFormat="1" applyFont="1" applyFill="1" applyBorder="1" applyAlignment="1">
      <alignment horizontal="right" vertical="center"/>
    </xf>
    <xf numFmtId="177" fontId="6" fillId="0" borderId="3" xfId="2" applyNumberFormat="1" applyFont="1" applyFill="1" applyBorder="1" applyAlignment="1">
      <alignment horizontal="right" vertical="center"/>
    </xf>
    <xf numFmtId="9" fontId="10" fillId="0" borderId="0" xfId="1" applyFont="1" applyFill="1" applyAlignment="1">
      <alignment vertical="center"/>
    </xf>
    <xf numFmtId="177" fontId="6" fillId="3" borderId="13" xfId="2" applyNumberFormat="1" applyFont="1" applyFill="1" applyBorder="1" applyAlignment="1">
      <alignment horizontal="right" vertical="center"/>
    </xf>
  </cellXfs>
  <cellStyles count="7">
    <cellStyle name="パーセント" xfId="1" builtinId="5"/>
    <cellStyle name="標準" xfId="0" builtinId="0"/>
    <cellStyle name="標準_H17(p034～35)統計表第4表ー１" xfId="2"/>
    <cellStyle name="標準_H17(p036～37）統計表第4表ｰ2" xfId="3"/>
    <cellStyle name="標準_H17（p042～43）統計表第4表ー5" xfId="4"/>
    <cellStyle name="標準_H5201" xfId="5"/>
    <cellStyle name="標準_H5581" xfId="6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0C0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AC29"/>
  <sheetViews>
    <sheetView tabSelected="1" zoomScaleNormal="100" workbookViewId="0">
      <pane xSplit="3" ySplit="6" topLeftCell="J7" activePane="bottomRight" state="frozen"/>
      <selection pane="topRight" activeCell="D1" sqref="D1"/>
      <selection pane="bottomLeft" activeCell="A7" sqref="A7"/>
      <selection pane="bottomRight" activeCell="B2" sqref="B2"/>
    </sheetView>
  </sheetViews>
  <sheetFormatPr defaultRowHeight="13.5"/>
  <cols>
    <col min="1" max="1" width="1" style="5" customWidth="1"/>
    <col min="2" max="2" width="11.125" style="5" customWidth="1"/>
    <col min="3" max="3" width="1.125" style="5" customWidth="1"/>
    <col min="4" max="22" width="11.75" style="5" customWidth="1"/>
    <col min="23" max="26" width="11.75" style="65" customWidth="1"/>
    <col min="27" max="27" width="7.125" style="65" customWidth="1"/>
    <col min="28" max="16384" width="9" style="5"/>
  </cols>
  <sheetData>
    <row r="2" spans="1:29" ht="18" customHeight="1">
      <c r="A2" s="1"/>
      <c r="B2" s="2" t="s">
        <v>0</v>
      </c>
      <c r="C2" s="3"/>
      <c r="D2" s="3"/>
      <c r="E2" s="3"/>
      <c r="F2" s="3"/>
      <c r="G2" s="3"/>
      <c r="H2" s="3"/>
      <c r="I2" s="3"/>
      <c r="J2" s="3"/>
      <c r="K2" s="3"/>
      <c r="L2" s="3"/>
      <c r="M2" s="4"/>
      <c r="N2" s="4"/>
      <c r="O2" s="4"/>
      <c r="P2" s="4"/>
      <c r="Q2" s="3"/>
      <c r="R2" s="3"/>
      <c r="S2" s="3"/>
      <c r="T2" s="3"/>
      <c r="U2" s="3"/>
      <c r="V2" s="3"/>
      <c r="W2" s="3"/>
      <c r="X2" s="3"/>
      <c r="Y2" s="3"/>
      <c r="Z2" s="3"/>
      <c r="AA2" s="3"/>
    </row>
    <row r="3" spans="1:29" ht="11.25" customHeight="1">
      <c r="A3" s="6"/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8"/>
      <c r="N3" s="8"/>
      <c r="O3" s="8"/>
      <c r="P3" s="8"/>
      <c r="Q3" s="8"/>
      <c r="R3" s="8"/>
      <c r="S3" s="8"/>
      <c r="T3" s="8"/>
      <c r="U3" s="8"/>
      <c r="V3" s="8"/>
      <c r="W3" s="8"/>
      <c r="X3" s="8"/>
      <c r="Y3" s="8"/>
      <c r="Z3" s="8"/>
      <c r="AA3" s="8"/>
    </row>
    <row r="4" spans="1:29" ht="16.5" customHeight="1">
      <c r="A4" s="9"/>
      <c r="B4" s="70"/>
      <c r="C4" s="10"/>
      <c r="D4" s="11" t="s">
        <v>1</v>
      </c>
      <c r="E4" s="12"/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  <c r="Q4" s="12"/>
      <c r="R4" s="12"/>
      <c r="S4" s="12"/>
      <c r="T4" s="12"/>
      <c r="U4" s="12"/>
      <c r="V4" s="12"/>
      <c r="W4" s="63"/>
      <c r="X4" s="63"/>
      <c r="Y4" s="63"/>
      <c r="Z4" s="63"/>
      <c r="AA4" s="64"/>
    </row>
    <row r="5" spans="1:29" ht="24" customHeight="1">
      <c r="A5" s="13"/>
      <c r="B5" s="6"/>
      <c r="C5" s="14"/>
      <c r="D5" s="15" t="s">
        <v>2</v>
      </c>
      <c r="E5" s="16" t="s">
        <v>3</v>
      </c>
      <c r="F5" s="16" t="s">
        <v>4</v>
      </c>
      <c r="G5" s="16" t="s">
        <v>5</v>
      </c>
      <c r="H5" s="16" t="s">
        <v>6</v>
      </c>
      <c r="I5" s="16" t="s">
        <v>7</v>
      </c>
      <c r="J5" s="16" t="s">
        <v>8</v>
      </c>
      <c r="K5" s="16" t="s">
        <v>9</v>
      </c>
      <c r="L5" s="16" t="s">
        <v>10</v>
      </c>
      <c r="M5" s="17" t="s">
        <v>11</v>
      </c>
      <c r="N5" s="17" t="s">
        <v>12</v>
      </c>
      <c r="O5" s="17" t="s">
        <v>13</v>
      </c>
      <c r="P5" s="18" t="s">
        <v>14</v>
      </c>
      <c r="Q5" s="17" t="s">
        <v>15</v>
      </c>
      <c r="R5" s="18" t="s">
        <v>16</v>
      </c>
      <c r="S5" s="18" t="s">
        <v>17</v>
      </c>
      <c r="T5" s="18" t="s">
        <v>18</v>
      </c>
      <c r="U5" s="18" t="s">
        <v>19</v>
      </c>
      <c r="V5" s="18" t="s">
        <v>20</v>
      </c>
      <c r="W5" s="18" t="s">
        <v>21</v>
      </c>
      <c r="X5" s="18" t="s">
        <v>22</v>
      </c>
      <c r="Y5" s="18" t="s">
        <v>23</v>
      </c>
      <c r="Z5" s="18" t="s">
        <v>35</v>
      </c>
      <c r="AA5" s="71" t="s">
        <v>38</v>
      </c>
    </row>
    <row r="6" spans="1:29">
      <c r="A6" s="19"/>
      <c r="B6" s="20"/>
      <c r="C6" s="21"/>
      <c r="D6" s="22" t="s">
        <v>24</v>
      </c>
      <c r="E6" s="22" t="s">
        <v>24</v>
      </c>
      <c r="F6" s="23" t="s">
        <v>24</v>
      </c>
      <c r="G6" s="23" t="s">
        <v>24</v>
      </c>
      <c r="H6" s="23" t="s">
        <v>24</v>
      </c>
      <c r="I6" s="23" t="s">
        <v>24</v>
      </c>
      <c r="J6" s="23" t="s">
        <v>24</v>
      </c>
      <c r="K6" s="23" t="s">
        <v>24</v>
      </c>
      <c r="L6" s="23" t="s">
        <v>24</v>
      </c>
      <c r="M6" s="23" t="s">
        <v>24</v>
      </c>
      <c r="N6" s="23" t="s">
        <v>24</v>
      </c>
      <c r="O6" s="23" t="s">
        <v>24</v>
      </c>
      <c r="P6" s="23" t="s">
        <v>24</v>
      </c>
      <c r="Q6" s="23" t="s">
        <v>24</v>
      </c>
      <c r="R6" s="23" t="s">
        <v>24</v>
      </c>
      <c r="S6" s="23" t="s">
        <v>24</v>
      </c>
      <c r="T6" s="23" t="s">
        <v>24</v>
      </c>
      <c r="U6" s="23" t="s">
        <v>24</v>
      </c>
      <c r="V6" s="23" t="s">
        <v>24</v>
      </c>
      <c r="W6" s="23" t="s">
        <v>24</v>
      </c>
      <c r="X6" s="23" t="s">
        <v>24</v>
      </c>
      <c r="Y6" s="23" t="s">
        <v>24</v>
      </c>
      <c r="Z6" s="23" t="s">
        <v>24</v>
      </c>
      <c r="AA6" s="72" t="s">
        <v>25</v>
      </c>
    </row>
    <row r="7" spans="1:29" s="28" customFormat="1" ht="26.25" customHeight="1">
      <c r="A7" s="24"/>
      <c r="B7" s="25" t="s">
        <v>26</v>
      </c>
      <c r="C7" s="26"/>
      <c r="D7" s="27">
        <v>683215656</v>
      </c>
      <c r="E7" s="27">
        <v>710359412</v>
      </c>
      <c r="F7" s="27">
        <v>678299608</v>
      </c>
      <c r="G7" s="27">
        <v>655999358</v>
      </c>
      <c r="H7" s="27">
        <v>709436896</v>
      </c>
      <c r="I7" s="27">
        <v>651728934</v>
      </c>
      <c r="J7" s="27">
        <v>533185709</v>
      </c>
      <c r="K7" s="27">
        <v>568331231</v>
      </c>
      <c r="L7" s="27">
        <v>603501022</v>
      </c>
      <c r="M7" s="27">
        <v>625993353</v>
      </c>
      <c r="N7" s="27">
        <v>636197023</v>
      </c>
      <c r="O7" s="27">
        <v>703320316</v>
      </c>
      <c r="P7" s="27">
        <v>662402159</v>
      </c>
      <c r="Q7" s="27">
        <v>498392686</v>
      </c>
      <c r="R7" s="27">
        <v>563833652</v>
      </c>
      <c r="S7" s="27">
        <v>528283600</v>
      </c>
      <c r="T7" s="27">
        <v>508780542</v>
      </c>
      <c r="U7" s="27">
        <v>511253544</v>
      </c>
      <c r="V7" s="27">
        <v>545478425</v>
      </c>
      <c r="W7" s="27">
        <v>587943220</v>
      </c>
      <c r="X7" s="27">
        <v>583193468</v>
      </c>
      <c r="Y7" s="27">
        <v>616813471</v>
      </c>
      <c r="Z7" s="27">
        <v>646590595</v>
      </c>
      <c r="AA7" s="73">
        <v>5</v>
      </c>
      <c r="AB7" s="76"/>
      <c r="AC7" s="76"/>
    </row>
    <row r="8" spans="1:29" ht="26.25" customHeight="1">
      <c r="A8" s="29"/>
      <c r="B8" s="30" t="s">
        <v>27</v>
      </c>
      <c r="C8" s="31"/>
      <c r="D8" s="32">
        <v>28945634</v>
      </c>
      <c r="E8" s="32">
        <v>31064245</v>
      </c>
      <c r="F8" s="32">
        <v>27640204</v>
      </c>
      <c r="G8" s="32">
        <v>26722555</v>
      </c>
      <c r="H8" s="32">
        <v>27755209</v>
      </c>
      <c r="I8" s="32">
        <v>27133149</v>
      </c>
      <c r="J8" s="32">
        <v>24526755</v>
      </c>
      <c r="K8" s="32">
        <v>24701568</v>
      </c>
      <c r="L8" s="32">
        <v>25233173</v>
      </c>
      <c r="M8" s="32">
        <v>23179363</v>
      </c>
      <c r="N8" s="32">
        <v>22543502</v>
      </c>
      <c r="O8" s="32">
        <v>24118048</v>
      </c>
      <c r="P8" s="32">
        <v>21258417</v>
      </c>
      <c r="Q8" s="32">
        <v>18696099</v>
      </c>
      <c r="R8" s="32">
        <v>20816721</v>
      </c>
      <c r="S8" s="32">
        <v>20219357</v>
      </c>
      <c r="T8" s="32">
        <v>19287314</v>
      </c>
      <c r="U8" s="32">
        <v>19314262</v>
      </c>
      <c r="V8" s="32">
        <v>19506792</v>
      </c>
      <c r="W8" s="32">
        <v>19336299</v>
      </c>
      <c r="X8" s="32">
        <v>20481557</v>
      </c>
      <c r="Y8" s="32">
        <v>21242686</v>
      </c>
      <c r="Z8" s="32">
        <v>22178354</v>
      </c>
      <c r="AA8" s="74">
        <v>4</v>
      </c>
      <c r="AB8" s="76"/>
      <c r="AC8" s="76"/>
    </row>
    <row r="9" spans="1:29" ht="5.25" customHeight="1">
      <c r="A9" s="13"/>
      <c r="B9" s="33"/>
      <c r="C9" s="34"/>
      <c r="D9" s="33"/>
      <c r="E9" s="33"/>
      <c r="F9" s="33"/>
      <c r="G9" s="33"/>
      <c r="H9" s="33"/>
      <c r="I9" s="33"/>
      <c r="J9" s="33"/>
      <c r="K9" s="33"/>
      <c r="L9" s="33"/>
      <c r="M9" s="35"/>
      <c r="N9" s="35"/>
      <c r="O9" s="35"/>
      <c r="P9" s="35"/>
      <c r="Q9" s="35"/>
      <c r="R9" s="35"/>
      <c r="S9" s="35"/>
      <c r="T9" s="35"/>
      <c r="U9" s="35"/>
      <c r="V9" s="35"/>
      <c r="W9" s="35"/>
      <c r="X9" s="35"/>
      <c r="Y9" s="35"/>
      <c r="Z9" s="35"/>
      <c r="AA9" s="36"/>
      <c r="AC9" s="28"/>
    </row>
    <row r="11" spans="1:29" ht="18.75">
      <c r="B11" s="37" t="s">
        <v>28</v>
      </c>
      <c r="C11" s="38"/>
      <c r="D11" s="39"/>
      <c r="E11" s="39"/>
      <c r="F11" s="39"/>
      <c r="G11" s="39"/>
      <c r="H11" s="39"/>
      <c r="I11" s="39"/>
      <c r="J11" s="39"/>
      <c r="K11" s="39"/>
      <c r="L11" s="40"/>
    </row>
    <row r="12" spans="1:29">
      <c r="B12" s="41"/>
      <c r="C12" s="41"/>
      <c r="D12" s="42"/>
      <c r="E12" s="42"/>
      <c r="F12" s="42"/>
      <c r="G12" s="42"/>
      <c r="H12" s="42"/>
      <c r="I12" s="42"/>
      <c r="J12" s="43"/>
      <c r="K12" s="43"/>
      <c r="L12" s="44"/>
    </row>
    <row r="13" spans="1:29">
      <c r="A13" s="45"/>
      <c r="B13" s="68"/>
      <c r="C13" s="46"/>
      <c r="D13" s="11" t="s">
        <v>29</v>
      </c>
      <c r="E13" s="12"/>
      <c r="F13" s="12"/>
      <c r="G13" s="12"/>
      <c r="H13" s="12"/>
      <c r="I13" s="12"/>
      <c r="J13" s="12"/>
      <c r="K13" s="12"/>
      <c r="L13" s="12"/>
      <c r="M13" s="12"/>
      <c r="N13" s="12"/>
      <c r="O13" s="12"/>
      <c r="P13" s="12"/>
      <c r="Q13" s="12"/>
      <c r="R13" s="12"/>
      <c r="S13" s="12"/>
      <c r="T13" s="12"/>
      <c r="U13" s="12"/>
      <c r="V13" s="12"/>
      <c r="W13" s="63"/>
      <c r="X13" s="63"/>
      <c r="Y13" s="63"/>
      <c r="Z13" s="63"/>
      <c r="AA13" s="64"/>
    </row>
    <row r="14" spans="1:29" ht="22.5">
      <c r="A14" s="47"/>
      <c r="B14" s="69"/>
      <c r="C14" s="48"/>
      <c r="D14" s="15" t="s">
        <v>2</v>
      </c>
      <c r="E14" s="16" t="s">
        <v>3</v>
      </c>
      <c r="F14" s="16" t="s">
        <v>4</v>
      </c>
      <c r="G14" s="16" t="s">
        <v>5</v>
      </c>
      <c r="H14" s="16" t="s">
        <v>6</v>
      </c>
      <c r="I14" s="16" t="s">
        <v>7</v>
      </c>
      <c r="J14" s="16" t="s">
        <v>8</v>
      </c>
      <c r="K14" s="16" t="s">
        <v>9</v>
      </c>
      <c r="L14" s="16" t="s">
        <v>10</v>
      </c>
      <c r="M14" s="17" t="s">
        <v>11</v>
      </c>
      <c r="N14" s="17" t="s">
        <v>12</v>
      </c>
      <c r="O14" s="49" t="s">
        <v>13</v>
      </c>
      <c r="P14" s="49" t="s">
        <v>14</v>
      </c>
      <c r="Q14" s="49" t="s">
        <v>15</v>
      </c>
      <c r="R14" s="18" t="s">
        <v>16</v>
      </c>
      <c r="S14" s="49" t="s">
        <v>17</v>
      </c>
      <c r="T14" s="18" t="s">
        <v>18</v>
      </c>
      <c r="U14" s="18" t="s">
        <v>19</v>
      </c>
      <c r="V14" s="18" t="s">
        <v>20</v>
      </c>
      <c r="W14" s="18" t="s">
        <v>21</v>
      </c>
      <c r="X14" s="18" t="s">
        <v>22</v>
      </c>
      <c r="Y14" s="18" t="s">
        <v>23</v>
      </c>
      <c r="Z14" s="18" t="s">
        <v>36</v>
      </c>
      <c r="AA14" s="71" t="s">
        <v>39</v>
      </c>
    </row>
    <row r="15" spans="1:29">
      <c r="A15" s="47"/>
      <c r="B15" s="50"/>
      <c r="C15" s="51"/>
      <c r="D15" s="52"/>
      <c r="E15" s="52"/>
      <c r="F15" s="52"/>
      <c r="G15" s="52"/>
      <c r="H15" s="52"/>
      <c r="I15" s="52"/>
      <c r="J15" s="52"/>
      <c r="K15" s="52"/>
      <c r="L15" s="52"/>
      <c r="M15" s="52"/>
      <c r="N15" s="52"/>
      <c r="O15" s="53" t="s">
        <v>30</v>
      </c>
      <c r="P15" s="53" t="s">
        <v>30</v>
      </c>
      <c r="Q15" s="53" t="s">
        <v>30</v>
      </c>
      <c r="R15" s="53" t="s">
        <v>30</v>
      </c>
      <c r="S15" s="53" t="s">
        <v>30</v>
      </c>
      <c r="T15" s="53" t="s">
        <v>30</v>
      </c>
      <c r="U15" s="54" t="s">
        <v>30</v>
      </c>
      <c r="V15" s="54" t="s">
        <v>30</v>
      </c>
      <c r="W15" s="54" t="s">
        <v>30</v>
      </c>
      <c r="X15" s="54" t="s">
        <v>30</v>
      </c>
      <c r="Y15" s="54" t="s">
        <v>30</v>
      </c>
      <c r="Z15" s="54" t="s">
        <v>30</v>
      </c>
      <c r="AA15" s="75" t="s">
        <v>25</v>
      </c>
    </row>
    <row r="16" spans="1:29" s="28" customFormat="1" ht="26.25" customHeight="1">
      <c r="A16" s="24"/>
      <c r="B16" s="25" t="s">
        <v>26</v>
      </c>
      <c r="C16" s="26"/>
      <c r="D16" s="27">
        <v>272853</v>
      </c>
      <c r="E16" s="27">
        <v>268273</v>
      </c>
      <c r="F16" s="27">
        <v>263420</v>
      </c>
      <c r="G16" s="27">
        <v>254214</v>
      </c>
      <c r="H16" s="27">
        <v>251339</v>
      </c>
      <c r="I16" s="27">
        <v>228604</v>
      </c>
      <c r="J16" s="27">
        <v>212545</v>
      </c>
      <c r="K16" s="27">
        <v>212380</v>
      </c>
      <c r="L16" s="27">
        <v>209511</v>
      </c>
      <c r="M16" s="27">
        <v>211994</v>
      </c>
      <c r="N16" s="27">
        <v>215938</v>
      </c>
      <c r="O16" s="27">
        <v>222000</v>
      </c>
      <c r="P16" s="27">
        <v>215073</v>
      </c>
      <c r="Q16" s="27">
        <v>192602</v>
      </c>
      <c r="R16" s="27">
        <v>191261</v>
      </c>
      <c r="S16" s="27">
        <v>186568</v>
      </c>
      <c r="T16" s="27">
        <v>187888</v>
      </c>
      <c r="U16" s="27">
        <v>189150</v>
      </c>
      <c r="V16" s="27">
        <v>190884</v>
      </c>
      <c r="W16" s="27">
        <v>188720</v>
      </c>
      <c r="X16" s="27">
        <v>198887</v>
      </c>
      <c r="Y16" s="27">
        <v>202731</v>
      </c>
      <c r="Z16" s="27">
        <v>204917</v>
      </c>
      <c r="AA16" s="73">
        <v>1</v>
      </c>
      <c r="AB16" s="76"/>
      <c r="AC16" s="76"/>
    </row>
    <row r="17" spans="1:29" ht="26.25" customHeight="1">
      <c r="A17" s="29"/>
      <c r="B17" s="30" t="s">
        <v>27</v>
      </c>
      <c r="C17" s="31"/>
      <c r="D17" s="32">
        <v>12367</v>
      </c>
      <c r="E17" s="32">
        <v>12417</v>
      </c>
      <c r="F17" s="32">
        <v>12256</v>
      </c>
      <c r="G17" s="32">
        <v>11691</v>
      </c>
      <c r="H17" s="32">
        <v>11520</v>
      </c>
      <c r="I17" s="32">
        <v>10603</v>
      </c>
      <c r="J17" s="32">
        <v>10054</v>
      </c>
      <c r="K17" s="32">
        <v>10067</v>
      </c>
      <c r="L17" s="32">
        <v>9747</v>
      </c>
      <c r="M17" s="32">
        <v>9654</v>
      </c>
      <c r="N17" s="32">
        <v>9418</v>
      </c>
      <c r="O17" s="32">
        <v>9596</v>
      </c>
      <c r="P17" s="32">
        <v>9342</v>
      </c>
      <c r="Q17" s="32">
        <v>8883</v>
      </c>
      <c r="R17" s="32">
        <v>8631</v>
      </c>
      <c r="S17" s="32">
        <v>8223</v>
      </c>
      <c r="T17" s="32">
        <v>8190</v>
      </c>
      <c r="U17" s="32">
        <v>8091</v>
      </c>
      <c r="V17" s="32">
        <v>8257</v>
      </c>
      <c r="W17" s="32">
        <v>8330</v>
      </c>
      <c r="X17" s="32">
        <v>8529</v>
      </c>
      <c r="Y17" s="32">
        <v>9008</v>
      </c>
      <c r="Z17" s="32">
        <v>9120</v>
      </c>
      <c r="AA17" s="74">
        <v>1</v>
      </c>
      <c r="AB17" s="76"/>
      <c r="AC17" s="76"/>
    </row>
    <row r="18" spans="1:29" ht="5.25" customHeight="1">
      <c r="A18" s="13"/>
      <c r="B18" s="33"/>
      <c r="C18" s="34"/>
      <c r="D18" s="33"/>
      <c r="E18" s="33"/>
      <c r="F18" s="33"/>
      <c r="G18" s="33"/>
      <c r="H18" s="33"/>
      <c r="I18" s="33"/>
      <c r="J18" s="33"/>
      <c r="K18" s="33"/>
      <c r="L18" s="33"/>
      <c r="M18" s="35"/>
      <c r="N18" s="35"/>
      <c r="O18" s="35"/>
      <c r="P18" s="35"/>
      <c r="Q18" s="35"/>
      <c r="R18" s="35"/>
      <c r="S18" s="35"/>
      <c r="T18" s="35"/>
      <c r="U18" s="35"/>
      <c r="V18" s="35"/>
      <c r="W18" s="35"/>
      <c r="X18" s="35"/>
      <c r="Y18" s="35"/>
      <c r="Z18" s="35"/>
      <c r="AA18" s="36"/>
    </row>
    <row r="20" spans="1:29" ht="18.75">
      <c r="B20" s="55" t="s">
        <v>31</v>
      </c>
      <c r="C20" s="56"/>
      <c r="D20" s="40"/>
      <c r="E20" s="40"/>
      <c r="F20" s="40"/>
      <c r="G20" s="40"/>
      <c r="H20" s="40"/>
      <c r="I20" s="40"/>
      <c r="J20" s="40"/>
      <c r="K20" s="40"/>
      <c r="L20" s="40"/>
    </row>
    <row r="21" spans="1:29">
      <c r="B21" s="57"/>
      <c r="C21" s="57"/>
      <c r="D21" s="43"/>
      <c r="E21" s="43"/>
      <c r="F21" s="43"/>
      <c r="G21" s="43"/>
      <c r="H21" s="43"/>
      <c r="I21" s="43"/>
      <c r="J21" s="43"/>
      <c r="K21" s="43"/>
      <c r="L21" s="44"/>
    </row>
    <row r="22" spans="1:29">
      <c r="A22" s="45"/>
      <c r="B22" s="66"/>
      <c r="C22" s="58"/>
      <c r="D22" s="11" t="s">
        <v>32</v>
      </c>
      <c r="E22" s="12"/>
      <c r="F22" s="12"/>
      <c r="G22" s="12"/>
      <c r="H22" s="12"/>
      <c r="I22" s="12"/>
      <c r="J22" s="12"/>
      <c r="K22" s="12"/>
      <c r="L22" s="12"/>
      <c r="M22" s="12"/>
      <c r="N22" s="12"/>
      <c r="O22" s="12"/>
      <c r="P22" s="12"/>
      <c r="Q22" s="12"/>
      <c r="R22" s="12"/>
      <c r="S22" s="12"/>
      <c r="T22" s="12"/>
      <c r="U22" s="12"/>
      <c r="V22" s="12"/>
      <c r="W22" s="63"/>
      <c r="X22" s="63"/>
      <c r="Y22" s="63"/>
      <c r="Z22" s="63"/>
      <c r="AA22" s="64"/>
    </row>
    <row r="23" spans="1:29" ht="22.5">
      <c r="A23" s="47"/>
      <c r="B23" s="67"/>
      <c r="C23" s="59"/>
      <c r="D23" s="15" t="s">
        <v>2</v>
      </c>
      <c r="E23" s="16" t="s">
        <v>3</v>
      </c>
      <c r="F23" s="16" t="s">
        <v>4</v>
      </c>
      <c r="G23" s="16" t="s">
        <v>5</v>
      </c>
      <c r="H23" s="16" t="s">
        <v>6</v>
      </c>
      <c r="I23" s="16" t="s">
        <v>7</v>
      </c>
      <c r="J23" s="16" t="s">
        <v>8</v>
      </c>
      <c r="K23" s="16" t="s">
        <v>9</v>
      </c>
      <c r="L23" s="16" t="s">
        <v>10</v>
      </c>
      <c r="M23" s="17" t="s">
        <v>11</v>
      </c>
      <c r="N23" s="17" t="s">
        <v>12</v>
      </c>
      <c r="O23" s="18" t="s">
        <v>13</v>
      </c>
      <c r="P23" s="18" t="s">
        <v>14</v>
      </c>
      <c r="Q23" s="18" t="s">
        <v>15</v>
      </c>
      <c r="R23" s="18" t="s">
        <v>16</v>
      </c>
      <c r="S23" s="18" t="s">
        <v>17</v>
      </c>
      <c r="T23" s="18" t="s">
        <v>18</v>
      </c>
      <c r="U23" s="18" t="s">
        <v>19</v>
      </c>
      <c r="V23" s="18" t="s">
        <v>20</v>
      </c>
      <c r="W23" s="18" t="s">
        <v>21</v>
      </c>
      <c r="X23" s="18" t="s">
        <v>22</v>
      </c>
      <c r="Y23" s="18" t="s">
        <v>23</v>
      </c>
      <c r="Z23" s="18" t="s">
        <v>37</v>
      </c>
      <c r="AA23" s="71" t="s">
        <v>40</v>
      </c>
    </row>
    <row r="24" spans="1:29">
      <c r="A24" s="47"/>
      <c r="B24" s="60"/>
      <c r="C24" s="61"/>
      <c r="D24" s="62"/>
      <c r="E24" s="62"/>
      <c r="F24" s="62"/>
      <c r="G24" s="62"/>
      <c r="H24" s="62"/>
      <c r="I24" s="62"/>
      <c r="J24" s="62"/>
      <c r="K24" s="62"/>
      <c r="L24" s="62"/>
      <c r="M24" s="62"/>
      <c r="N24" s="62"/>
      <c r="O24" s="54"/>
      <c r="P24" s="54"/>
      <c r="Q24" s="54"/>
      <c r="R24" s="54"/>
      <c r="S24" s="54"/>
      <c r="T24" s="54"/>
      <c r="U24" s="54"/>
      <c r="V24" s="54"/>
      <c r="W24" s="54"/>
      <c r="X24" s="54"/>
      <c r="Y24" s="54"/>
      <c r="Z24" s="54"/>
      <c r="AA24" s="75" t="s">
        <v>25</v>
      </c>
    </row>
    <row r="25" spans="1:29" s="28" customFormat="1" ht="26.25" customHeight="1">
      <c r="A25" s="24"/>
      <c r="B25" s="25" t="s">
        <v>26</v>
      </c>
      <c r="C25" s="26"/>
      <c r="D25" s="27">
        <v>15883</v>
      </c>
      <c r="E25" s="27">
        <v>15480</v>
      </c>
      <c r="F25" s="27">
        <v>15502</v>
      </c>
      <c r="G25" s="27">
        <v>14895</v>
      </c>
      <c r="H25" s="27">
        <v>14435</v>
      </c>
      <c r="I25" s="27">
        <v>7565</v>
      </c>
      <c r="J25" s="27">
        <v>7003</v>
      </c>
      <c r="K25" s="27">
        <v>7165</v>
      </c>
      <c r="L25" s="27">
        <v>6610</v>
      </c>
      <c r="M25" s="27">
        <v>6796</v>
      </c>
      <c r="N25" s="27">
        <v>6371</v>
      </c>
      <c r="O25" s="27">
        <v>6358</v>
      </c>
      <c r="P25" s="27">
        <v>6533</v>
      </c>
      <c r="Q25" s="27">
        <v>5790</v>
      </c>
      <c r="R25" s="27">
        <v>5583</v>
      </c>
      <c r="S25" s="27">
        <v>5814</v>
      </c>
      <c r="T25" s="27">
        <v>5470</v>
      </c>
      <c r="U25" s="27">
        <v>5276</v>
      </c>
      <c r="V25" s="27">
        <v>5193</v>
      </c>
      <c r="W25" s="27">
        <v>5562</v>
      </c>
      <c r="X25" s="27">
        <v>4994</v>
      </c>
      <c r="Y25" s="27">
        <v>4932</v>
      </c>
      <c r="Z25" s="27">
        <v>4825</v>
      </c>
      <c r="AA25" s="73">
        <v>-2</v>
      </c>
      <c r="AB25" s="76"/>
      <c r="AC25" s="76"/>
    </row>
    <row r="26" spans="1:29" ht="26.25" customHeight="1">
      <c r="A26" s="29"/>
      <c r="B26" s="30" t="s">
        <v>27</v>
      </c>
      <c r="C26" s="31"/>
      <c r="D26" s="32">
        <v>660</v>
      </c>
      <c r="E26" s="32">
        <v>647</v>
      </c>
      <c r="F26" s="32">
        <v>639</v>
      </c>
      <c r="G26" s="32">
        <v>626</v>
      </c>
      <c r="H26" s="32">
        <v>613</v>
      </c>
      <c r="I26" s="32">
        <v>360</v>
      </c>
      <c r="J26" s="32">
        <v>340</v>
      </c>
      <c r="K26" s="32">
        <v>352</v>
      </c>
      <c r="L26" s="32">
        <v>325</v>
      </c>
      <c r="M26" s="32">
        <v>326</v>
      </c>
      <c r="N26" s="32">
        <v>308</v>
      </c>
      <c r="O26" s="32">
        <v>309</v>
      </c>
      <c r="P26" s="32">
        <v>300</v>
      </c>
      <c r="Q26" s="32">
        <v>272</v>
      </c>
      <c r="R26" s="32">
        <v>266</v>
      </c>
      <c r="S26" s="32">
        <v>293</v>
      </c>
      <c r="T26" s="32">
        <v>272</v>
      </c>
      <c r="U26" s="32">
        <v>257</v>
      </c>
      <c r="V26" s="32">
        <v>261</v>
      </c>
      <c r="W26" s="32">
        <v>285</v>
      </c>
      <c r="X26" s="32">
        <v>252</v>
      </c>
      <c r="Y26" s="32">
        <v>251</v>
      </c>
      <c r="Z26" s="32">
        <v>239</v>
      </c>
      <c r="AA26" s="77">
        <v>-5</v>
      </c>
      <c r="AB26" s="76"/>
      <c r="AC26" s="76"/>
    </row>
    <row r="27" spans="1:29" ht="5.25" customHeight="1">
      <c r="A27" s="13"/>
      <c r="B27" s="33"/>
      <c r="C27" s="34"/>
      <c r="D27" s="33"/>
      <c r="E27" s="33"/>
      <c r="F27" s="33"/>
      <c r="G27" s="33"/>
      <c r="H27" s="33"/>
      <c r="I27" s="33"/>
      <c r="J27" s="33"/>
      <c r="K27" s="33"/>
      <c r="L27" s="33"/>
      <c r="M27" s="35"/>
      <c r="N27" s="35"/>
      <c r="O27" s="35"/>
      <c r="P27" s="35"/>
      <c r="Q27" s="35"/>
      <c r="R27" s="35"/>
      <c r="S27" s="35"/>
      <c r="T27" s="35"/>
      <c r="U27" s="35"/>
      <c r="V27" s="35"/>
      <c r="W27" s="35"/>
      <c r="X27" s="35"/>
      <c r="Y27" s="35"/>
      <c r="Z27" s="35"/>
      <c r="AA27" s="36"/>
    </row>
    <row r="28" spans="1:29" ht="18.75" customHeight="1">
      <c r="A28" s="56"/>
      <c r="B28" s="56" t="s">
        <v>33</v>
      </c>
      <c r="C28" s="56"/>
      <c r="D28" s="56"/>
      <c r="E28" s="56"/>
      <c r="F28" s="56"/>
      <c r="G28" s="56"/>
      <c r="H28" s="56"/>
      <c r="I28" s="56"/>
      <c r="J28" s="56"/>
      <c r="K28" s="56"/>
      <c r="L28" s="56"/>
      <c r="M28" s="56"/>
      <c r="N28" s="56"/>
      <c r="O28" s="56"/>
      <c r="P28" s="56"/>
      <c r="Q28" s="56"/>
      <c r="R28" s="56"/>
      <c r="S28" s="56"/>
      <c r="T28" s="56"/>
      <c r="U28" s="56"/>
      <c r="V28" s="56"/>
      <c r="W28" s="56"/>
      <c r="X28" s="56"/>
      <c r="Y28" s="56"/>
      <c r="Z28" s="56"/>
      <c r="AA28" s="56"/>
    </row>
    <row r="29" spans="1:29">
      <c r="B29" s="56" t="s">
        <v>34</v>
      </c>
    </row>
  </sheetData>
  <phoneticPr fontId="15"/>
  <printOptions horizontalCentered="1"/>
  <pageMargins left="0.62992125984251968" right="0.55118110236220474" top="0.35433070866141736" bottom="0.47244094488188981" header="0.31496062992125984" footer="0.27559055118110237"/>
  <pageSetup paperSize="8" scale="68" firstPageNumber="45" orientation="landscape" useFirstPageNumber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出荷額・従業者数・事業者数</vt:lpstr>
      <vt:lpstr>出荷額・従業者数・事業者数!Print_Titles</vt:lpstr>
    </vt:vector>
  </TitlesOfParts>
  <Company>佐久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1-02-05T09:51:22Z</cp:lastPrinted>
  <dcterms:created xsi:type="dcterms:W3CDTF">2017-11-10T06:47:18Z</dcterms:created>
  <dcterms:modified xsi:type="dcterms:W3CDTF">2021-02-05T09:58:10Z</dcterms:modified>
</cp:coreProperties>
</file>